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BAE27AE" w14:textId="77777777" w:rsidR="00EC6E6D" w:rsidRDefault="00EC6E6D" w:rsidP="00EC6E6D">
      <w:pPr>
        <w:ind w:left="426" w:right="-1276"/>
      </w:pPr>
    </w:p>
    <w:p w14:paraId="73351892" w14:textId="77777777" w:rsidR="00EC6E6D" w:rsidRDefault="00EC6E6D" w:rsidP="00EC6E6D">
      <w:pPr>
        <w:ind w:left="426" w:right="-1276"/>
      </w:pPr>
    </w:p>
    <w:p w14:paraId="56FC9B7D" w14:textId="77777777" w:rsidR="00EC6E6D" w:rsidRDefault="00EC6E6D" w:rsidP="00EC6E6D">
      <w:pPr>
        <w:ind w:left="426" w:right="-1276"/>
      </w:pPr>
    </w:p>
    <w:p w14:paraId="33E5ED64" w14:textId="77777777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B42755">
        <w:rPr>
          <w:rFonts w:ascii="Arial" w:hAnsi="Arial" w:cs="Arial"/>
          <w:sz w:val="40"/>
          <w:szCs w:val="40"/>
        </w:rPr>
        <w:t>Crossbanen Hvorup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B42755">
        <w:rPr>
          <w:rFonts w:ascii="Arial" w:hAnsi="Arial" w:cs="Arial"/>
          <w:sz w:val="40"/>
          <w:szCs w:val="40"/>
        </w:rPr>
        <w:t>Gammel Hvorupvej 137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B42755">
        <w:rPr>
          <w:rFonts w:ascii="Arial" w:hAnsi="Arial" w:cs="Arial"/>
          <w:sz w:val="40"/>
          <w:szCs w:val="40"/>
        </w:rPr>
        <w:t>940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B42755">
        <w:rPr>
          <w:rFonts w:ascii="Arial" w:hAnsi="Arial" w:cs="Arial"/>
          <w:sz w:val="40"/>
          <w:szCs w:val="40"/>
        </w:rPr>
        <w:t>Nørresundby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6D0ED26" w14:textId="77777777" w:rsidR="00EC6E6D" w:rsidRPr="00D04F95" w:rsidRDefault="00EC6E6D" w:rsidP="00EC6E6D">
      <w:pPr>
        <w:rPr>
          <w:sz w:val="22"/>
        </w:rPr>
      </w:pPr>
    </w:p>
    <w:p w14:paraId="682679C8" w14:textId="77777777" w:rsidR="00EC6E6D" w:rsidRDefault="00EC6E6D" w:rsidP="00EC6E6D">
      <w:pPr>
        <w:ind w:left="851" w:hanging="851"/>
        <w:rPr>
          <w:sz w:val="22"/>
        </w:rPr>
      </w:pPr>
    </w:p>
    <w:p w14:paraId="271AE997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4E8009F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32B40F47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210B26D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43DDE557" w14:textId="77777777" w:rsidR="00EC6E6D" w:rsidRPr="00245E8B" w:rsidRDefault="00B42755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2.08.2016</w:t>
            </w:r>
          </w:p>
        </w:tc>
      </w:tr>
      <w:tr w:rsidR="00EC6E6D" w:rsidRPr="00245E8B" w14:paraId="2778D14F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40BAD402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5A6439ED" w14:textId="77777777" w:rsidR="00EC6E6D" w:rsidRPr="00245E8B" w:rsidRDefault="00B42755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§ 9 tilsyn - varslet</w:t>
            </w:r>
          </w:p>
          <w:p w14:paraId="520F13D6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4A57E389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10291F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3AA7DCB9" w14:textId="77777777" w:rsidR="00EC6E6D" w:rsidRPr="00245E8B" w:rsidRDefault="00B42755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179310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4CB6D1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1B23E012" w14:textId="77777777" w:rsidR="00EC6E6D" w:rsidRPr="00245E8B" w:rsidRDefault="00B42755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29189420</w:t>
            </w:r>
          </w:p>
        </w:tc>
      </w:tr>
      <w:tr w:rsidR="00EC6E6D" w:rsidRPr="00245E8B" w14:paraId="3D4C5B7E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28C0E62C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0B4AF2F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5556A99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78B40B58" w14:textId="77777777" w:rsidR="00EC6E6D" w:rsidRPr="00245E8B" w:rsidRDefault="00B42755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07700349</w:t>
            </w:r>
          </w:p>
          <w:p w14:paraId="2E242FD9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355ECB70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10AF594A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94624EE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320117F1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6F004AE5" w14:textId="77777777" w:rsidR="00EC6E6D" w:rsidRPr="00F94A99" w:rsidRDefault="00B42755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H2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Motor/knallertbaner, køretekniske anlæg</w:t>
            </w:r>
          </w:p>
        </w:tc>
      </w:tr>
      <w:tr w:rsidR="00EC6E6D" w:rsidRPr="00F94A99" w14:paraId="04F96118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1303B47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102F6319" w14:textId="77777777" w:rsidR="00EC6E6D" w:rsidRPr="00F94A99" w:rsidRDefault="00B42755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  <w:r>
              <w:rPr>
                <w:rFonts w:ascii="Arial" w:hAnsi="Arial" w:cs="Arial"/>
                <w:sz w:val="22"/>
                <w:szCs w:val="22"/>
              </w:rPr>
              <w:t>10.06.1998</w:t>
            </w:r>
          </w:p>
        </w:tc>
      </w:tr>
    </w:tbl>
    <w:p w14:paraId="6E0E933B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40334382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9B19C7C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4" w:name="_Toc54669301"/>
    </w:p>
    <w:p w14:paraId="7DCCF4BE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25"/>
        <w:gridCol w:w="2127"/>
        <w:gridCol w:w="5669"/>
      </w:tblGrid>
      <w:tr w:rsidR="00EC6E6D" w:rsidRPr="00F94A99" w14:paraId="30F2CA18" w14:textId="77777777" w:rsidTr="00F94A99">
        <w:trPr>
          <w:trHeight w:val="548"/>
          <w:tblHeader/>
        </w:trPr>
        <w:tc>
          <w:tcPr>
            <w:tcW w:w="102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3AD629F7" w14:textId="77777777" w:rsidR="00EC6E6D" w:rsidRPr="005D2D5F" w:rsidRDefault="00EC6E6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212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514B5D5" w14:textId="77777777" w:rsidR="00EC6E6D" w:rsidRPr="005D2D5F" w:rsidRDefault="00EC6E6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5669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469082B2" w14:textId="77777777" w:rsidR="00EC6E6D" w:rsidRPr="005D2D5F" w:rsidRDefault="00EC6E6D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EC6E6D" w:rsidRPr="00F94A99" w14:paraId="7B05EE1D" w14:textId="77777777" w:rsidTr="00F94A99">
        <w:trPr>
          <w:trHeight w:val="69"/>
        </w:trPr>
        <w:tc>
          <w:tcPr>
            <w:tcW w:w="1025" w:type="dxa"/>
            <w:tcBorders>
              <w:left w:val="double" w:sz="4" w:space="0" w:color="auto"/>
            </w:tcBorders>
          </w:tcPr>
          <w:p w14:paraId="6D3FD5FB" w14:textId="77777777" w:rsidR="00EC6E6D" w:rsidRPr="00B93A39" w:rsidRDefault="00B42755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" w:name="ind_enforce_enforce_date"/>
            <w:bookmarkEnd w:id="15"/>
            <w:r>
              <w:rPr>
                <w:rFonts w:ascii="Arial" w:hAnsi="Arial" w:cs="Arial"/>
                <w:sz w:val="20"/>
                <w:szCs w:val="20"/>
              </w:rPr>
              <w:t>21-06-2012</w:t>
            </w:r>
          </w:p>
        </w:tc>
        <w:tc>
          <w:tcPr>
            <w:tcW w:w="2127" w:type="dxa"/>
          </w:tcPr>
          <w:p w14:paraId="4500E12A" w14:textId="77777777" w:rsidR="00EC6E6D" w:rsidRPr="00B93A39" w:rsidRDefault="00B42755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6" w:name="ind_enforce_types_enforce_type_name"/>
            <w:bookmarkStart w:id="17" w:name="ind_enforce_enforce_date_2"/>
            <w:bookmarkEnd w:id="16"/>
            <w:bookmarkEnd w:id="17"/>
            <w:r>
              <w:rPr>
                <w:rFonts w:ascii="Arial" w:hAnsi="Arial" w:cs="Arial"/>
                <w:sz w:val="20"/>
                <w:szCs w:val="20"/>
              </w:rPr>
              <w:t>Indskærpelse</w:t>
            </w:r>
          </w:p>
        </w:tc>
        <w:tc>
          <w:tcPr>
            <w:tcW w:w="5669" w:type="dxa"/>
            <w:tcBorders>
              <w:right w:val="double" w:sz="4" w:space="0" w:color="auto"/>
            </w:tcBorders>
          </w:tcPr>
          <w:p w14:paraId="4DCAE026" w14:textId="77777777" w:rsidR="00EC6E6D" w:rsidRPr="00B93A39" w:rsidRDefault="00B42755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" w:name="ind_enforce_comments"/>
            <w:bookmarkStart w:id="19" w:name="ind_enforce_enforce_date_3"/>
            <w:bookmarkEnd w:id="18"/>
            <w:bookmarkEnd w:id="19"/>
            <w:r>
              <w:rPr>
                <w:rFonts w:ascii="Arial" w:hAnsi="Arial" w:cs="Arial"/>
                <w:sz w:val="20"/>
                <w:szCs w:val="20"/>
              </w:rPr>
              <w:t>Opbevaring af farligt affald skal ske med mulighed for opsamling af den største beholder i tilfælde af uheld/lækage</w:t>
            </w:r>
          </w:p>
        </w:tc>
      </w:tr>
      <w:tr w:rsidR="00EC6E6D" w:rsidRPr="00F94A99" w14:paraId="7A1B4078" w14:textId="77777777" w:rsidTr="00F94A99">
        <w:trPr>
          <w:trHeight w:val="69"/>
        </w:trPr>
        <w:tc>
          <w:tcPr>
            <w:tcW w:w="1025" w:type="dxa"/>
            <w:tcBorders>
              <w:left w:val="double" w:sz="4" w:space="0" w:color="auto"/>
              <w:bottom w:val="double" w:sz="4" w:space="0" w:color="auto"/>
            </w:tcBorders>
          </w:tcPr>
          <w:p w14:paraId="2D8CC659" w14:textId="77777777" w:rsidR="00EC6E6D" w:rsidRPr="00CE67CB" w:rsidRDefault="00B42755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enforce_enforce_date_4"/>
            <w:bookmarkEnd w:id="20"/>
            <w:r>
              <w:rPr>
                <w:rFonts w:ascii="Arial" w:hAnsi="Arial" w:cs="Arial"/>
                <w:sz w:val="20"/>
                <w:szCs w:val="20"/>
              </w:rPr>
              <w:t>03-11-2016</w:t>
            </w:r>
          </w:p>
        </w:tc>
        <w:tc>
          <w:tcPr>
            <w:tcW w:w="2127" w:type="dxa"/>
            <w:tcBorders>
              <w:bottom w:val="double" w:sz="4" w:space="0" w:color="auto"/>
            </w:tcBorders>
          </w:tcPr>
          <w:p w14:paraId="0CA208E5" w14:textId="77777777" w:rsidR="00EC6E6D" w:rsidRPr="00CE67CB" w:rsidRDefault="00B42755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21" w:name="ind_enforce_enforce_date_5"/>
            <w:bookmarkEnd w:id="21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5669" w:type="dxa"/>
            <w:tcBorders>
              <w:bottom w:val="double" w:sz="4" w:space="0" w:color="auto"/>
              <w:right w:val="double" w:sz="4" w:space="0" w:color="auto"/>
            </w:tcBorders>
          </w:tcPr>
          <w:p w14:paraId="3F3BF463" w14:textId="77777777" w:rsidR="00EC6E6D" w:rsidRPr="00CE67CB" w:rsidRDefault="00B42755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" w:name="ind_enforce_enforce_date_6"/>
            <w:bookmarkEnd w:id="22"/>
            <w:r>
              <w:rPr>
                <w:rFonts w:ascii="Arial" w:hAnsi="Arial" w:cs="Arial"/>
                <w:sz w:val="20"/>
                <w:szCs w:val="20"/>
              </w:rPr>
              <w:t>Olietanke: Sløjfning af olietank i BBR.</w:t>
            </w:r>
          </w:p>
        </w:tc>
      </w:tr>
    </w:tbl>
    <w:p w14:paraId="028538E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4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7A0FFA4F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BE3B7D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4A9ADD27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5202A5AE" w14:textId="77777777" w:rsidR="00EC6E6D" w:rsidRPr="00B93A39" w:rsidRDefault="00B42755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descr_process"/>
            <w:bookmarkEnd w:id="23"/>
            <w:r>
              <w:rPr>
                <w:rFonts w:ascii="Arial" w:hAnsi="Arial" w:cs="Arial"/>
                <w:sz w:val="20"/>
                <w:szCs w:val="20"/>
              </w:rPr>
              <w:t>Motocrosskørsel. Banen anvendes af ungdomsskoler og skolefritidsordninger i Aalborg Kommune.</w:t>
            </w:r>
          </w:p>
        </w:tc>
      </w:tr>
      <w:tr w:rsidR="00EC6E6D" w:rsidRPr="00F94A99" w14:paraId="7ED7FB9F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222EBF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00C2876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41D0F76C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8B0B9E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6DC6C8CA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EDD11E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20395D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E974BCB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D436E8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EF5263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3563CD24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E11E6EA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product_area"/>
            <w:bookmarkEnd w:id="24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0FD490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descr_product_employee_prod"/>
            <w:bookmarkEnd w:id="25"/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C4C53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" w:name="ind_descr_product_operating_time"/>
            <w:bookmarkEnd w:id="26"/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FCDE12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descr_product_operating_time_sat"/>
            <w:bookmarkEnd w:id="27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842CA9C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" w:name="ind_descr_product_operating_time_sun"/>
            <w:bookmarkEnd w:id="28"/>
          </w:p>
        </w:tc>
      </w:tr>
      <w:tr w:rsidR="00EC6E6D" w:rsidRPr="005D2D5F" w14:paraId="20CDAC90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0C1AB5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30D699C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3D5F5C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3241C92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4037A8E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D61E549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FA5D43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" w:name="ind_env_control_code_env_control_name"/>
            <w:bookmarkEnd w:id="29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CC4D9B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3C9E92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4816231" w14:textId="77777777" w:rsidR="00EC6E6D" w:rsidRPr="00F94A99" w:rsidRDefault="00EC6E6D" w:rsidP="00B304D9">
      <w:pPr>
        <w:pStyle w:val="Overskrift2"/>
        <w:ind w:left="425"/>
        <w:rPr>
          <w:rFonts w:ascii="Arial" w:hAnsi="Arial" w:cs="Arial"/>
          <w:sz w:val="22"/>
          <w:szCs w:val="22"/>
        </w:rPr>
      </w:pPr>
      <w:bookmarkStart w:id="30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30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6DBF839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02A0CC0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B12FDE6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67289618" w14:textId="77777777" w:rsidR="00EC6E6D" w:rsidRPr="005D2D5F" w:rsidRDefault="00B304D9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31" w:name="ind_energy_types_energy_type_name"/>
            <w:bookmarkEnd w:id="31"/>
            <w:r>
              <w:rPr>
                <w:rFonts w:ascii="Arial" w:hAnsi="Arial" w:cs="Arial"/>
                <w:sz w:val="20"/>
                <w:szCs w:val="20"/>
              </w:rPr>
              <w:t>Jord/luft varmepumpe</w:t>
            </w:r>
          </w:p>
        </w:tc>
      </w:tr>
    </w:tbl>
    <w:p w14:paraId="42A3189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36C9FC20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05F3A0B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6E686A7C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3866B057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DDA32CF" w14:textId="77777777" w:rsidR="00EC6E6D" w:rsidRPr="005D2D5F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" w:name="ind_control_items_control_item_name"/>
            <w:bookmarkEnd w:id="32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6DC3193" w14:textId="77777777" w:rsidR="00EC6E6D" w:rsidRPr="005D2D5F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" w:name="ind_control_items_control_item_name_2"/>
            <w:bookmarkEnd w:id="33"/>
            <w:r>
              <w:rPr>
                <w:rFonts w:ascii="Arial" w:hAnsi="Arial" w:cs="Arial"/>
                <w:sz w:val="20"/>
                <w:szCs w:val="20"/>
              </w:rPr>
              <w:t>Der er 1 afkast samlet fra svejsning og fra båndsliber. Afkast er ført til ca. ½ meter over tag. Efter Luftvejledningen er den vejledende afkasthøjde 1 meter over tag. Der sker svejsning ca. 1 gang dagligt i 10-15 min. Båndsliber er i brug mindre end det. På baggrund af den begrænsede svejse- og slibeaktivitet, samt at bygningen er fritliggende, accepteres eksisterende afkasthøjde. Hvis svejse- og slibeaktiviteten øges væsentligt skal afkasthøjden øges til 1 meter.</w:t>
            </w:r>
          </w:p>
        </w:tc>
      </w:tr>
      <w:tr w:rsidR="00B42755" w:rsidRPr="005D2D5F" w14:paraId="09C1D87E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687CE93" w14:textId="77777777" w:rsidR="00B42755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control_items_control_item_name_3"/>
            <w:bookmarkEnd w:id="34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30CB67E" w14:textId="77777777" w:rsidR="00B42755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control_items_control_item_name_4"/>
            <w:bookmarkEnd w:id="35"/>
            <w:r>
              <w:rPr>
                <w:rFonts w:ascii="Arial" w:hAnsi="Arial" w:cs="Arial"/>
                <w:sz w:val="20"/>
                <w:szCs w:val="20"/>
              </w:rPr>
              <w:t>Ingen væsentlige lugtkilder.</w:t>
            </w:r>
          </w:p>
        </w:tc>
      </w:tr>
    </w:tbl>
    <w:p w14:paraId="6C9B0FA5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6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36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1B88F67C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3B41DC9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FE770C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CDE4414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25E69FB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77CA92FB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7064BAD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7" w:name="ind_noise_noise_id"/>
            <w:bookmarkEnd w:id="37"/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6360314D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7C505287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307AF30A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175AAE9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4A6765D8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A2A6CB6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8994136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1C5B9E10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BBAF644" w14:textId="77777777" w:rsidR="00EC6E6D" w:rsidRPr="005D2D5F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control_items_control_item_nameX2"/>
            <w:bookmarkEnd w:id="38"/>
            <w:r>
              <w:rPr>
                <w:rFonts w:ascii="Arial" w:hAnsi="Arial" w:cs="Arial"/>
                <w:sz w:val="20"/>
                <w:szCs w:val="20"/>
              </w:rPr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E8696FF" w14:textId="77777777" w:rsidR="00EC6E6D" w:rsidRPr="005D2D5F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" w:name="ind_control_items_control_item_nameX2_2"/>
            <w:bookmarkEnd w:id="39"/>
            <w:r>
              <w:rPr>
                <w:rFonts w:ascii="Arial" w:hAnsi="Arial" w:cs="Arial"/>
                <w:sz w:val="20"/>
                <w:szCs w:val="20"/>
              </w:rPr>
              <w:t>Ingen væsentlige støjkilder indendørs</w:t>
            </w:r>
          </w:p>
        </w:tc>
      </w:tr>
      <w:tr w:rsidR="00B42755" w:rsidRPr="005D2D5F" w14:paraId="3FD57E29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1CB9519" w14:textId="77777777" w:rsidR="00B42755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control_items_control_item_nameX2_3"/>
            <w:bookmarkEnd w:id="40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A2385EB" w14:textId="77777777" w:rsidR="00B42755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control_items_control_item_nameX2_4"/>
            <w:bookmarkEnd w:id="41"/>
            <w:r>
              <w:rPr>
                <w:rFonts w:ascii="Arial" w:hAnsi="Arial" w:cs="Arial"/>
                <w:sz w:val="20"/>
                <w:szCs w:val="20"/>
              </w:rPr>
              <w:t>Kørsel med crossmaskiner. Beregning fremsendt i forbindelse med godkendelsesansøgning.</w:t>
            </w:r>
          </w:p>
        </w:tc>
      </w:tr>
    </w:tbl>
    <w:p w14:paraId="7C55CA20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6F40B4F8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3828A9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3F7C98C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29FD419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3CB0D88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D31104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6D69EE5B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06B8B3A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58C8F0BB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FC82CC5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D6A5E8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64BA310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55F778F0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1E76D2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6531C19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2183EEB4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3E9FBE4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2" w:name="ind_w_water_amount_permission_id"/>
            <w:bookmarkEnd w:id="42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27123C9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9769436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520AC50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17F6AF5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036F014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6A4F627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D6937E2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4E91AABF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2891BC0C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9E7D98B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A9530D4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55047F7" w14:textId="77777777" w:rsidR="00EC6E6D" w:rsidRPr="005D2D5F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control_items_control_item_nameX3"/>
            <w:bookmarkEnd w:id="43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3E59BC2" w14:textId="77777777" w:rsidR="00EC6E6D" w:rsidRPr="005D2D5F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control_items_control_item_nameX3_2"/>
            <w:bookmarkEnd w:id="44"/>
            <w:r>
              <w:rPr>
                <w:rFonts w:ascii="Arial" w:hAnsi="Arial" w:cs="Arial"/>
                <w:sz w:val="20"/>
                <w:szCs w:val="20"/>
              </w:rPr>
              <w:t>Der forekommer alm. husspildevand.</w:t>
            </w:r>
          </w:p>
        </w:tc>
      </w:tr>
      <w:tr w:rsidR="00B42755" w:rsidRPr="005D2D5F" w14:paraId="0375CFCD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87EF635" w14:textId="77777777" w:rsidR="00B42755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control_items_control_item_nameX3_3"/>
            <w:bookmarkEnd w:id="45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9B803C7" w14:textId="77777777" w:rsidR="00B42755" w:rsidRDefault="00B42755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control_items_control_item_nameX3_4"/>
            <w:bookmarkEnd w:id="46"/>
            <w:r>
              <w:rPr>
                <w:rFonts w:ascii="Arial" w:hAnsi="Arial" w:cs="Arial"/>
                <w:sz w:val="20"/>
                <w:szCs w:val="20"/>
              </w:rPr>
              <w:t>Der forekommer ikke processpildevand</w:t>
            </w:r>
          </w:p>
        </w:tc>
      </w:tr>
    </w:tbl>
    <w:p w14:paraId="59B18B2B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47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47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4055DD13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B34C418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538D8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A6978D1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B4CBEAD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A3BA7AB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D9C4D80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5C4533C2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90EF6DF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8" w:name="ind_w_water_amount_idX2"/>
            <w:bookmarkEnd w:id="48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E21A21B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3B549829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375E3922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34C297D5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8478EFC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65DF8DFD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53844C5E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C570E0F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2C3258C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4A475224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5728A31" w14:textId="77777777" w:rsidR="00EC6E6D" w:rsidRPr="00B93A39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X4"/>
            <w:bookmarkEnd w:id="49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62C3DAF" w14:textId="77777777" w:rsidR="00EC6E6D" w:rsidRPr="00B93A39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X4_2"/>
            <w:bookmarkEnd w:id="50"/>
            <w:r>
              <w:rPr>
                <w:rFonts w:ascii="Arial" w:hAnsi="Arial" w:cs="Arial"/>
                <w:sz w:val="20"/>
                <w:szCs w:val="20"/>
              </w:rPr>
              <w:t>Der er olieudskiller tilknyttet vaskeplads.</w:t>
            </w:r>
          </w:p>
        </w:tc>
      </w:tr>
      <w:tr w:rsidR="00B42755" w:rsidRPr="00F94A99" w14:paraId="70951478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D271AAD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X4_3"/>
            <w:bookmarkEnd w:id="51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0373264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2" w:name="ind_control_items_control_item_nameX4_4"/>
            <w:bookmarkEnd w:id="52"/>
            <w:r>
              <w:rPr>
                <w:rFonts w:ascii="Arial" w:hAnsi="Arial" w:cs="Arial"/>
                <w:sz w:val="20"/>
                <w:szCs w:val="20"/>
              </w:rPr>
              <w:t>Tømmes hver 3. måned af Aalborg Kloakservice.</w:t>
            </w:r>
          </w:p>
        </w:tc>
      </w:tr>
      <w:tr w:rsidR="00B42755" w:rsidRPr="00F94A99" w14:paraId="16749B43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23F403F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X4_5"/>
            <w:bookmarkEnd w:id="53"/>
            <w:r>
              <w:rPr>
                <w:rFonts w:ascii="Arial" w:hAnsi="Arial" w:cs="Arial"/>
                <w:sz w:val="20"/>
                <w:szCs w:val="20"/>
              </w:rPr>
              <w:t>Udskiller, funktionsafprøvning af 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F908614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X4_6"/>
            <w:bookmarkEnd w:id="54"/>
            <w:r>
              <w:rPr>
                <w:rFonts w:ascii="Arial" w:hAnsi="Arial" w:cs="Arial"/>
                <w:sz w:val="20"/>
                <w:szCs w:val="20"/>
              </w:rPr>
              <w:t>Ingen alarm</w:t>
            </w:r>
          </w:p>
        </w:tc>
      </w:tr>
      <w:tr w:rsidR="00B42755" w:rsidRPr="00F94A99" w14:paraId="66723DA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27525B2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control_items_control_item_nameX4_7"/>
            <w:bookmarkEnd w:id="55"/>
            <w:r>
              <w:rPr>
                <w:rFonts w:ascii="Arial" w:hAnsi="Arial" w:cs="Arial"/>
                <w:sz w:val="20"/>
                <w:szCs w:val="20"/>
              </w:rPr>
              <w:t>Udskillere, vilkår i 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333D4AA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control_items_control_item_nameX4_8"/>
            <w:bookmarkEnd w:id="56"/>
            <w:r>
              <w:rPr>
                <w:rFonts w:ascii="Arial" w:hAnsi="Arial" w:cs="Arial"/>
                <w:sz w:val="20"/>
                <w:szCs w:val="20"/>
              </w:rPr>
              <w:t>Krav om at der skal være olieudskiller tilknyttet vaskeplads</w:t>
            </w:r>
          </w:p>
        </w:tc>
      </w:tr>
    </w:tbl>
    <w:p w14:paraId="47B4C700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57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57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551"/>
        <w:gridCol w:w="1276"/>
        <w:gridCol w:w="1559"/>
        <w:gridCol w:w="1701"/>
        <w:gridCol w:w="1843"/>
      </w:tblGrid>
      <w:tr w:rsidR="00EC6E6D" w:rsidRPr="00F94A99" w14:paraId="70C10C55" w14:textId="77777777" w:rsidTr="00F94A99">
        <w:trPr>
          <w:cantSplit/>
          <w:trHeight w:val="288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D432AD4" w14:textId="77777777" w:rsidR="00EC6E6D" w:rsidRPr="00F94A99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Id</w:t>
            </w:r>
          </w:p>
        </w:tc>
        <w:tc>
          <w:tcPr>
            <w:tcW w:w="2551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4CF136F" w14:textId="77777777" w:rsidR="00EC6E6D" w:rsidRPr="00F94A99" w:rsidRDefault="00EC6E6D" w:rsidP="00245E8B">
            <w:pPr>
              <w:spacing w:before="20" w:after="0"/>
              <w:ind w:left="71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Indhold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7294C15" w14:textId="77777777" w:rsidR="00EC6E6D" w:rsidRPr="00F94A9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Volumen (l)</w:t>
            </w:r>
          </w:p>
        </w:tc>
        <w:tc>
          <w:tcPr>
            <w:tcW w:w="1559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658BBC3" w14:textId="77777777" w:rsidR="00EC6E6D" w:rsidRPr="00F94A9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Etableret, ca.</w:t>
            </w:r>
          </w:p>
        </w:tc>
        <w:tc>
          <w:tcPr>
            <w:tcW w:w="1701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05280488" w14:textId="77777777" w:rsidR="00EC6E6D" w:rsidRPr="00F94A99" w:rsidRDefault="00EC6E6D" w:rsidP="00245E8B">
            <w:pPr>
              <w:tabs>
                <w:tab w:val="left" w:pos="71"/>
              </w:tabs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Placering</w:t>
            </w:r>
          </w:p>
        </w:tc>
        <w:tc>
          <w:tcPr>
            <w:tcW w:w="1843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B427CF7" w14:textId="77777777" w:rsidR="00EC6E6D" w:rsidRPr="00F94A9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Standeranlæg</w:t>
            </w:r>
          </w:p>
        </w:tc>
      </w:tr>
      <w:tr w:rsidR="00EC6E6D" w:rsidRPr="00F94A99" w14:paraId="1CBBD3C5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9031BC8" w14:textId="77777777" w:rsidR="00EC6E6D" w:rsidRPr="00F94A99" w:rsidRDefault="00B42755" w:rsidP="00245E8B">
            <w:pPr>
              <w:spacing w:before="20" w:after="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58" w:name="ind_tank_ind_tank_id"/>
            <w:bookmarkEnd w:id="58"/>
            <w:r>
              <w:rPr>
                <w:rFonts w:ascii="Arial" w:hAnsi="Arial" w:cs="Arial"/>
                <w:sz w:val="22"/>
                <w:szCs w:val="22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474D87B8" w14:textId="77777777" w:rsidR="00EC6E6D" w:rsidRPr="00F94A99" w:rsidRDefault="00B42755" w:rsidP="00245E8B">
            <w:pPr>
              <w:spacing w:before="20" w:after="0"/>
              <w:rPr>
                <w:rFonts w:ascii="Arial" w:hAnsi="Arial" w:cs="Arial"/>
                <w:sz w:val="22"/>
                <w:szCs w:val="22"/>
              </w:rPr>
            </w:pPr>
            <w:bookmarkStart w:id="59" w:name="ind_tank_ind_tank_id_2"/>
            <w:bookmarkEnd w:id="59"/>
            <w:r>
              <w:rPr>
                <w:rFonts w:ascii="Arial" w:hAnsi="Arial" w:cs="Arial"/>
                <w:sz w:val="22"/>
                <w:szCs w:val="22"/>
              </w:rPr>
              <w:t>Fyringsolie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045C834D" w14:textId="77777777" w:rsidR="00EC6E6D" w:rsidRPr="00F94A99" w:rsidRDefault="00B42755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60" w:name="ind_tank_ind_tank_id_3"/>
            <w:bookmarkEnd w:id="60"/>
            <w:r>
              <w:rPr>
                <w:rFonts w:ascii="Arial" w:hAnsi="Arial" w:cs="Arial"/>
                <w:sz w:val="22"/>
                <w:szCs w:val="22"/>
              </w:rPr>
              <w:t>1.200</w:t>
            </w: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6C25D233" w14:textId="77777777" w:rsidR="00EC6E6D" w:rsidRPr="00F94A99" w:rsidRDefault="00B42755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61" w:name="ind_tank_ind_tank_id_4"/>
            <w:bookmarkEnd w:id="61"/>
            <w:r>
              <w:rPr>
                <w:rFonts w:ascii="Arial" w:hAnsi="Arial" w:cs="Arial"/>
                <w:sz w:val="22"/>
                <w:szCs w:val="22"/>
              </w:rPr>
              <w:t>2009</w:t>
            </w:r>
          </w:p>
        </w:tc>
        <w:tc>
          <w:tcPr>
            <w:tcW w:w="1701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01FDD555" w14:textId="77777777" w:rsidR="00EC6E6D" w:rsidRPr="00F94A99" w:rsidRDefault="00EC6E6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62" w:name="ind_tank_ind_tank_id_5"/>
            <w:bookmarkEnd w:id="62"/>
          </w:p>
        </w:tc>
        <w:tc>
          <w:tcPr>
            <w:tcW w:w="1843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1EDD973" w14:textId="77777777" w:rsidR="00EC6E6D" w:rsidRPr="00F94A99" w:rsidRDefault="00B42755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63" w:name="ind_tank_ind_tank_id_6"/>
            <w:bookmarkEnd w:id="63"/>
            <w:r>
              <w:rPr>
                <w:rFonts w:ascii="Arial" w:hAnsi="Arial" w:cs="Arial"/>
                <w:sz w:val="22"/>
                <w:szCs w:val="22"/>
              </w:rPr>
              <w:t>NEJ</w:t>
            </w:r>
          </w:p>
        </w:tc>
      </w:tr>
    </w:tbl>
    <w:p w14:paraId="6CB7DF83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5E8E966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5068A9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6FEBEC2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D52F70D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34ECE7D" w14:textId="77777777" w:rsidR="00EC6E6D" w:rsidRPr="00245E8B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4" w:name="ind_control_items_control_item_nameX5"/>
            <w:bookmarkEnd w:id="64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154627C" w14:textId="77777777" w:rsidR="00EC6E6D" w:rsidRPr="00245E8B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5" w:name="ind_control_items_control_item_nameX5_2"/>
            <w:bookmarkEnd w:id="65"/>
            <w:r>
              <w:rPr>
                <w:rFonts w:ascii="Arial" w:hAnsi="Arial" w:cs="Arial"/>
                <w:sz w:val="20"/>
                <w:szCs w:val="20"/>
              </w:rPr>
              <w:t>Virksomheden har sløjfet olietanken siden sidste tilsyn, idet der er etableret en luft/vand varmepumpe.</w:t>
            </w:r>
          </w:p>
        </w:tc>
      </w:tr>
      <w:tr w:rsidR="00B42755" w:rsidRPr="00245E8B" w14:paraId="6DE42FC6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2DC9CEA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6" w:name="ind_control_items_control_item_nameX5_3"/>
            <w:bookmarkEnd w:id="66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47CAC20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7" w:name="ind_control_items_control_item_nameX5_4"/>
            <w:bookmarkEnd w:id="67"/>
            <w:r>
              <w:rPr>
                <w:rFonts w:ascii="Arial" w:hAnsi="Arial" w:cs="Arial"/>
                <w:sz w:val="20"/>
                <w:szCs w:val="20"/>
              </w:rPr>
              <w:t>Den gamle olietank er ikke sløjfet i BBR. Det er aftalt, at tanken sløjfes senest den 31. december 2016.</w:t>
            </w:r>
          </w:p>
        </w:tc>
      </w:tr>
    </w:tbl>
    <w:p w14:paraId="6609AB59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68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68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0F855B1B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BFF6F3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15B654E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A4A3BA1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CDE3E3F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506B78C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DBC6CB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0A2C5A6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587061E9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A04E09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827F8A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07A5683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055BC93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54303D33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59A8B9A6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8E6F344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0F0F4901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66FFEB04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A690A79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9" w:name="ind_rawmat_types_rawmat_name"/>
            <w:bookmarkEnd w:id="69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AC3B433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0E4E61D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85CBB5C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8C5D3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BE0C192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6EFFE4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455B9F6D" w14:textId="77777777" w:rsidR="00EC6E6D" w:rsidRPr="00245E8B" w:rsidRDefault="00EC6E6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2E7F12B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27A1199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71BA3A3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A6173B8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E33EF74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A603F40" w14:textId="77777777" w:rsidR="00EC6E6D" w:rsidRPr="00245E8B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0" w:name="ind_control_items_control_item_nameX6"/>
            <w:bookmarkEnd w:id="70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9676254" w14:textId="77777777" w:rsidR="00EC6E6D" w:rsidRPr="00245E8B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control_items_control_item_nameX6_2"/>
            <w:bookmarkEnd w:id="71"/>
            <w:r>
              <w:rPr>
                <w:rFonts w:ascii="Arial" w:hAnsi="Arial" w:cs="Arial"/>
                <w:sz w:val="20"/>
                <w:szCs w:val="20"/>
              </w:rPr>
              <w:t>Der er ikke oplag af brændstof på virksomheden. Ungdomsskoler/fritidsordninger medbringer selv brændstof i dunke. Påfyldning sker i garage med fast bund.</w:t>
            </w:r>
          </w:p>
        </w:tc>
      </w:tr>
    </w:tbl>
    <w:p w14:paraId="09762529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12B8603E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47C5E9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450E9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E4D5A86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68968BD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27F9AA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45E14C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84FCAAB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381EDAB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0B401C6C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650D6E2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65063F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5178F42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3DFCE5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5BFBA0B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F5186C3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ABD17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8F87E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C5DF30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78927993" w14:textId="77777777" w:rsidTr="00F94A99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8F116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2" w:name="wst_fraction_1_fraction_1_nameX2"/>
            <w:bookmarkEnd w:id="72"/>
          </w:p>
          <w:p w14:paraId="4C9BA922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AB45BD7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433FC74" w14:textId="77777777"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968D492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5AFA420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E385D95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36ADD90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5C2E59B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00EF54B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64EEEF9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2F335AC7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D327B22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4AA956D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2C7889C5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02E5883" w14:textId="77777777" w:rsidR="00EC6E6D" w:rsidRPr="00245E8B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control_items_control_item_nameX7"/>
            <w:bookmarkEnd w:id="73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D0679B8" w14:textId="77777777" w:rsidR="00EC6E6D" w:rsidRPr="00245E8B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" w:name="ind_control_items_control_item_nameX7_2"/>
            <w:bookmarkEnd w:id="74"/>
            <w:r>
              <w:rPr>
                <w:rFonts w:ascii="Arial" w:hAnsi="Arial" w:cs="Arial"/>
                <w:sz w:val="20"/>
                <w:szCs w:val="20"/>
              </w:rPr>
              <w:t>Blandet brændbart. Afhentes ugentligt af Marius Pedersen.</w:t>
            </w:r>
          </w:p>
        </w:tc>
      </w:tr>
      <w:tr w:rsidR="00B42755" w:rsidRPr="00245E8B" w14:paraId="391D4C48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4A2335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5" w:name="ind_control_items_control_item_nameX7_3"/>
            <w:bookmarkEnd w:id="75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2357D85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6" w:name="ind_control_items_control_item_nameX7_4"/>
            <w:bookmarkEnd w:id="76"/>
            <w:r>
              <w:rPr>
                <w:rFonts w:ascii="Arial" w:hAnsi="Arial" w:cs="Arial"/>
                <w:sz w:val="20"/>
                <w:szCs w:val="20"/>
              </w:rPr>
              <w:t xml:space="preserve">Der forekommer kun begrænset mængde farligt affald i form af spildolie. Afhentes af Aalborg Kloakservice. </w:t>
            </w:r>
          </w:p>
        </w:tc>
      </w:tr>
      <w:tr w:rsidR="00B42755" w:rsidRPr="00245E8B" w14:paraId="5007DAC8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4042E63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7" w:name="ind_control_items_control_item_nameX7_5"/>
            <w:bookmarkEnd w:id="77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F7469B4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8" w:name="ind_control_items_control_item_nameX7_6"/>
            <w:bookmarkEnd w:id="78"/>
            <w:r>
              <w:rPr>
                <w:rFonts w:ascii="Arial" w:hAnsi="Arial" w:cs="Arial"/>
                <w:sz w:val="20"/>
                <w:szCs w:val="20"/>
              </w:rPr>
              <w:t>Ok</w:t>
            </w:r>
          </w:p>
        </w:tc>
      </w:tr>
      <w:tr w:rsidR="00B42755" w:rsidRPr="00245E8B" w14:paraId="6CBD0D10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86113EE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9" w:name="ind_control_items_control_item_nameX7_7"/>
            <w:bookmarkEnd w:id="79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F46732B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0" w:name="ind_control_items_control_item_nameX7_8"/>
            <w:bookmarkEnd w:id="80"/>
            <w:r>
              <w:rPr>
                <w:rFonts w:ascii="Arial" w:hAnsi="Arial" w:cs="Arial"/>
                <w:sz w:val="20"/>
                <w:szCs w:val="20"/>
              </w:rPr>
              <w:t>Der er oplag af spildolie i henholdsvis værkstedsbygning og i garage i 200 liters tanke.</w:t>
            </w:r>
          </w:p>
        </w:tc>
      </w:tr>
      <w:tr w:rsidR="00B42755" w:rsidRPr="00245E8B" w14:paraId="7E1BF90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BAB13DA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control_items_control_item_nameX7_9"/>
            <w:bookmarkEnd w:id="81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D25618B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2" w:name="ind_control_items_control_item_nameX7_10"/>
            <w:bookmarkEnd w:id="82"/>
            <w:r>
              <w:rPr>
                <w:rFonts w:ascii="Arial" w:hAnsi="Arial" w:cs="Arial"/>
                <w:sz w:val="20"/>
                <w:szCs w:val="20"/>
              </w:rPr>
              <w:t>Ok</w:t>
            </w:r>
          </w:p>
        </w:tc>
      </w:tr>
    </w:tbl>
    <w:p w14:paraId="122E1C40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21CF6854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0DFE8378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780639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1FBB4F30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CE21FC8" w14:textId="77777777" w:rsidR="00EC6E6D" w:rsidRPr="00245E8B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3" w:name="ind_control_items_control_item_nameX11"/>
            <w:bookmarkEnd w:id="83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9E9F725" w14:textId="77777777" w:rsidR="00EC6E6D" w:rsidRPr="00245E8B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4" w:name="ind_control_items_control_item_nameX11_2"/>
            <w:bookmarkEnd w:id="84"/>
            <w:r>
              <w:rPr>
                <w:rFonts w:ascii="Arial" w:hAnsi="Arial" w:cs="Arial"/>
                <w:sz w:val="20"/>
                <w:szCs w:val="20"/>
              </w:rPr>
              <w:t>Der er udarbejdet lokalplan for området: 12-033, Nørresundby Omfrådet, Hvorup Go-cartbane mm ved Hvorup.</w:t>
            </w:r>
          </w:p>
        </w:tc>
      </w:tr>
      <w:tr w:rsidR="00B42755" w:rsidRPr="00245E8B" w14:paraId="2047A5D5" w14:textId="77777777" w:rsidTr="00B42755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FD9AAF1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5" w:name="ind_control_items_control_item_nameX11_3"/>
            <w:bookmarkEnd w:id="85"/>
            <w:r>
              <w:rPr>
                <w:rFonts w:ascii="Arial" w:hAnsi="Arial" w:cs="Arial"/>
                <w:sz w:val="20"/>
                <w:szCs w:val="20"/>
              </w:rPr>
              <w:t>Egenkontrol/driftsjourna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C7FDCD6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control_items_control_item_nameX11_4"/>
            <w:bookmarkEnd w:id="86"/>
            <w:r>
              <w:rPr>
                <w:rFonts w:ascii="Arial" w:hAnsi="Arial" w:cs="Arial"/>
                <w:sz w:val="20"/>
                <w:szCs w:val="20"/>
              </w:rPr>
              <w:t>Der føres protokol over, hvem der kører og i hvilke klasser. Kørerne skriver sig selv ind. Der hænger en seddel i klubhuset, hvor det fremgår hvilke klasser, der kører hvornår. Hvis der er flere kørere pr. dag end der maksimalt må være på banen samtidig, styrer den baneansvarlige  antal kørere på banen.</w:t>
            </w:r>
          </w:p>
        </w:tc>
      </w:tr>
      <w:tr w:rsidR="00B42755" w:rsidRPr="00245E8B" w14:paraId="35DFD2F3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7B196AC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7" w:name="ind_control_items_control_item_nameX11_5"/>
            <w:bookmarkEnd w:id="87"/>
            <w:r>
              <w:rPr>
                <w:rFonts w:ascii="Arial" w:hAnsi="Arial" w:cs="Arial"/>
                <w:sz w:val="20"/>
                <w:szCs w:val="20"/>
              </w:rPr>
              <w:t>Bæredygtighe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2EE2A76" w14:textId="77777777" w:rsidR="00B42755" w:rsidRDefault="00B42755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8" w:name="ind_control_items_control_item_nameX11_6"/>
            <w:bookmarkEnd w:id="88"/>
            <w:r>
              <w:rPr>
                <w:rFonts w:ascii="Arial" w:hAnsi="Arial" w:cs="Arial"/>
                <w:sz w:val="20"/>
                <w:szCs w:val="20"/>
              </w:rPr>
              <w:t>Virksomheden har skiftet opvarmningskilde fra oliefyr til jord/vand varmepumpe. Der er foretaget energigennemgang af bygningen i 2013, hvor bl.a. ruder blev udskiftet.</w:t>
            </w:r>
          </w:p>
        </w:tc>
      </w:tr>
    </w:tbl>
    <w:p w14:paraId="66AC8546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0381B5D6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8186904" w14:textId="77777777" w:rsidR="00185E84" w:rsidRDefault="00185E84">
      <w:r>
        <w:separator/>
      </w:r>
    </w:p>
  </w:endnote>
  <w:endnote w:type="continuationSeparator" w:id="0">
    <w:p w14:paraId="09C1589F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538F5A7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D74F80E" wp14:editId="2B5CF127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731369A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31E42315" wp14:editId="1822A935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B304D9">
      <w:rPr>
        <w:rStyle w:val="Sidetal"/>
        <w:noProof/>
      </w:rPr>
      <w:t>2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B304D9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C16ADB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4D12AEED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0E52D47B" wp14:editId="1AAE2E4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D60D84D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04C22229" wp14:editId="26A53272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4FF21A5" w14:textId="77777777" w:rsidR="00185E84" w:rsidRDefault="00185E84">
      <w:r>
        <w:separator/>
      </w:r>
    </w:p>
  </w:footnote>
  <w:footnote w:type="continuationSeparator" w:id="0">
    <w:p w14:paraId="682AB6F2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D289704" w14:textId="77777777" w:rsidR="00185E84" w:rsidRDefault="00185E84" w:rsidP="00960A46">
    <w:pPr>
      <w:pStyle w:val="Sidehoved"/>
    </w:pPr>
  </w:p>
  <w:p w14:paraId="19366EBD" w14:textId="77777777" w:rsidR="00185E84" w:rsidRDefault="00185E84" w:rsidP="00960A46">
    <w:pPr>
      <w:pStyle w:val="Sidehoved"/>
    </w:pPr>
  </w:p>
  <w:p w14:paraId="58430CEB" w14:textId="77777777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>Aalborg Kommune, Miljø, MEF</w:t>
    </w:r>
    <w:r w:rsidRPr="00C96C06">
      <w:rPr>
        <w:i/>
        <w:sz w:val="20"/>
        <w:szCs w:val="20"/>
      </w:rPr>
      <w:br/>
      <w:t>Stigsborg Brygge 5, 9400 Nørresundby</w:t>
    </w:r>
  </w:p>
  <w:p w14:paraId="1F537F6C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279C2442" wp14:editId="2C27CF92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321201922">
    <w:abstractNumId w:val="11"/>
  </w:num>
  <w:num w:numId="2" w16cid:durableId="379012406">
    <w:abstractNumId w:val="8"/>
  </w:num>
  <w:num w:numId="3" w16cid:durableId="728724404">
    <w:abstractNumId w:val="10"/>
  </w:num>
  <w:num w:numId="4" w16cid:durableId="620722953">
    <w:abstractNumId w:val="9"/>
  </w:num>
  <w:num w:numId="5" w16cid:durableId="1922131273">
    <w:abstractNumId w:val="7"/>
  </w:num>
  <w:num w:numId="6" w16cid:durableId="245698983">
    <w:abstractNumId w:val="6"/>
  </w:num>
  <w:num w:numId="7" w16cid:durableId="619458526">
    <w:abstractNumId w:val="5"/>
  </w:num>
  <w:num w:numId="8" w16cid:durableId="1590844948">
    <w:abstractNumId w:val="4"/>
  </w:num>
  <w:num w:numId="9" w16cid:durableId="883979892">
    <w:abstractNumId w:val="3"/>
  </w:num>
  <w:num w:numId="10" w16cid:durableId="427851496">
    <w:abstractNumId w:val="2"/>
  </w:num>
  <w:num w:numId="11" w16cid:durableId="1405639152">
    <w:abstractNumId w:val="1"/>
  </w:num>
  <w:num w:numId="12" w16cid:durableId="2083675770">
    <w:abstractNumId w:val="0"/>
  </w:num>
  <w:num w:numId="13" w16cid:durableId="1699087175">
    <w:abstractNumId w:val="10"/>
  </w:num>
  <w:num w:numId="14" w16cid:durableId="1459256952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16385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F6188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81D"/>
    <w:rsid w:val="001E21B1"/>
    <w:rsid w:val="001E2B90"/>
    <w:rsid w:val="001E3B97"/>
    <w:rsid w:val="001F13F1"/>
    <w:rsid w:val="001F6A83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5B54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354B"/>
    <w:rsid w:val="004D56BD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97200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80D9B"/>
    <w:rsid w:val="00980DDA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42D2"/>
    <w:rsid w:val="00B24557"/>
    <w:rsid w:val="00B304D9"/>
    <w:rsid w:val="00B3231B"/>
    <w:rsid w:val="00B3252D"/>
    <w:rsid w:val="00B379A6"/>
    <w:rsid w:val="00B40624"/>
    <w:rsid w:val="00B42755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0FBE"/>
    <w:rsid w:val="00E019C0"/>
    <w:rsid w:val="00E06D00"/>
    <w:rsid w:val="00E07B12"/>
    <w:rsid w:val="00E07B29"/>
    <w:rsid w:val="00E12A13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6385"/>
    <o:shapelayout v:ext="edit">
      <o:idmap v:ext="edit" data="1"/>
    </o:shapelayout>
  </w:shapeDefaults>
  <w:decimalSymbol w:val=","/>
  <w:listSeparator w:val=";"/>
  <w14:docId w14:val="225ABFA9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hth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4</Pages>
  <Words>549</Words>
  <Characters>3896</Characters>
  <Application>Microsoft Office Word</Application>
  <DocSecurity>0</DocSecurity>
  <Lines>324</Lines>
  <Paragraphs>177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426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ian Rasmussen</dc:creator>
  <cp:lastModifiedBy>Magnus Nygaard Butler</cp:lastModifiedBy>
  <cp:revision>2</cp:revision>
  <cp:lastPrinted>2010-03-04T09:12:00Z</cp:lastPrinted>
  <dcterms:created xsi:type="dcterms:W3CDTF">2025-05-14T08:26:00Z</dcterms:created>
  <dcterms:modified xsi:type="dcterms:W3CDTF">2025-05-14T08:26:00Z</dcterms:modified>
</cp:coreProperties>
</file>